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3462" autoAdjust="0"/>
  </p:normalViewPr>
  <p:slideViewPr>
    <p:cSldViewPr snapToGrid="0">
      <p:cViewPr>
        <p:scale>
          <a:sx n="100" d="100"/>
          <a:sy n="100" d="100"/>
        </p:scale>
        <p:origin x="1008" y="7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8-2025</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8-2025</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ater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Door AI gegenereerde inhoud is mogelijk onjuist.">
            <a:extLst>
              <a:ext uri="{FF2B5EF4-FFF2-40B4-BE49-F238E27FC236}">
                <a16:creationId xmlns:a16="http://schemas.microsoft.com/office/drawing/2014/main" id="{CA1FD6A3-0AA7-EC7B-E80E-10D64277B98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8051" y="4762501"/>
            <a:ext cx="2921216" cy="188710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Door AI gegenereerde inhoud is mogelijk onjuist.">
            <a:extLst>
              <a:ext uri="{FF2B5EF4-FFF2-40B4-BE49-F238E27FC236}">
                <a16:creationId xmlns:a16="http://schemas.microsoft.com/office/drawing/2014/main" id="{B5DA1CE8-381C-DB8E-2F85-33DDC2F1B28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7635" y="4138884"/>
            <a:ext cx="1812865" cy="117111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3</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5-08-21T09:04:55Z</dcterms:modified>
</cp:coreProperties>
</file>